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780BF30E" w14:textId="77777777" w:rsidR="00236FA5" w:rsidRDefault="00236FA5" w:rsidP="00AB4009"/>
    <w:p w14:paraId="7D7865C1" w14:textId="77777777" w:rsidR="00FB6BBE" w:rsidRDefault="00FB6BBE" w:rsidP="00FB6BBE">
      <w:pPr>
        <w:pStyle w:val="Header"/>
      </w:pPr>
      <w:r>
        <w:t>{ XE "46-2.03E_N04-01-21__2018" }</w:t>
      </w:r>
    </w:p>
    <w:p w14:paraId="0EE49F1E" w14:textId="77777777" w:rsidR="00FB6BBE" w:rsidRPr="00FB6BBE" w:rsidRDefault="00FB6BBE" w:rsidP="00FB6BBE">
      <w:pPr>
        <w:pStyle w:val="Header"/>
      </w:pPr>
      <w:r w:rsidRPr="00FB6BBE">
        <w:t xml:space="preserve">Page </w:t>
      </w:r>
      <w:r w:rsidRPr="00FB6BBE">
        <w:fldChar w:fldCharType="begin"/>
      </w:r>
      <w:r w:rsidRPr="00FB6BBE">
        <w:instrText xml:space="preserve"> PAGE </w:instrText>
      </w:r>
      <w:r w:rsidRPr="00FB6BBE">
        <w:fldChar w:fldCharType="separate"/>
      </w:r>
      <w:r w:rsidRPr="00FB6BBE">
        <w:t>1</w:t>
      </w:r>
      <w:r w:rsidRPr="00FB6BBE">
        <w:fldChar w:fldCharType="end"/>
      </w:r>
      <w:r w:rsidRPr="00FB6BBE">
        <w:t xml:space="preserve"> of </w:t>
      </w:r>
      <w:fldSimple w:instr=" NUMPAGES ">
        <w:r w:rsidRPr="00FB6BBE">
          <w:t>1</w:t>
        </w:r>
      </w:fldSimple>
    </w:p>
    <w:p w14:paraId="73B8FB11" w14:textId="77777777" w:rsidR="00FB6BBE" w:rsidRDefault="00FB6BBE" w:rsidP="00FB6BBE">
      <w:pPr>
        <w:pStyle w:val="Header"/>
      </w:pPr>
    </w:p>
    <w:p w14:paraId="1A84ABB8" w14:textId="77777777" w:rsidR="00FB6BBE" w:rsidRDefault="00FB6BBE" w:rsidP="00FB6BBE">
      <w:pPr>
        <w:pStyle w:val="Header"/>
      </w:pPr>
    </w:p>
    <w:p w14:paraId="6EBC8516" w14:textId="77777777" w:rsidR="00FB6BBE" w:rsidRDefault="00FB6BBE" w:rsidP="00FB6BBE">
      <w:pPr>
        <w:pStyle w:val="Instructions"/>
      </w:pPr>
      <w:r>
        <w:t>Section 46-2.03E. Use for construction of verification test ground anchors. Use with NSSPs for sections 46-2.01B, 46-2.01C, 46-2.01D(2)(c), and 46-2.01D(3)(c).</w:t>
      </w:r>
    </w:p>
    <w:p w14:paraId="514A95A0" w14:textId="77777777" w:rsidR="00FB6BBE" w:rsidRDefault="00FB6BBE" w:rsidP="00FB6BBE">
      <w:pPr>
        <w:pStyle w:val="Heading1NoTOC"/>
      </w:pPr>
      <w:r>
        <w:t>Add to section 46-2.03:</w:t>
      </w:r>
    </w:p>
    <w:p w14:paraId="355B060C" w14:textId="77777777" w:rsidR="00FB6BBE" w:rsidRDefault="00FB6BBE" w:rsidP="00FB6BBE">
      <w:pPr>
        <w:pStyle w:val="Heading3"/>
      </w:pPr>
      <w:r>
        <w:t>46-2.03</w:t>
      </w:r>
      <w:proofErr w:type="gramStart"/>
      <w:r>
        <w:t>E  Verification</w:t>
      </w:r>
      <w:proofErr w:type="gramEnd"/>
      <w:r>
        <w:t xml:space="preserve"> Test Ground Anchors</w:t>
      </w:r>
    </w:p>
    <w:p w14:paraId="0003DBEC" w14:textId="77777777" w:rsidR="00FB6BBE" w:rsidRDefault="00FB6BBE" w:rsidP="00FB6BBE">
      <w:pPr>
        <w:pStyle w:val="Instructions"/>
      </w:pPr>
      <w:r>
        <w:t>1</w:t>
      </w:r>
    </w:p>
    <w:p w14:paraId="2F188CE1" w14:textId="77777777" w:rsidR="00FB6BBE" w:rsidRPr="00461AC4" w:rsidRDefault="00FB6BBE" w:rsidP="00FB6BBE">
      <w:r w:rsidRPr="00461AC4">
        <w:t xml:space="preserve">Construct verification </w:t>
      </w:r>
      <w:r>
        <w:t xml:space="preserve">test </w:t>
      </w:r>
      <w:r w:rsidRPr="00461AC4">
        <w:t xml:space="preserve">ground anchors using the same equipment, methods, anchor inclination, anchor bond length and drilled hole diameter as to be used for production </w:t>
      </w:r>
      <w:r>
        <w:t>ground anchors</w:t>
      </w:r>
      <w:r w:rsidRPr="00461AC4">
        <w:t>.</w:t>
      </w:r>
    </w:p>
    <w:p w14:paraId="5BE16AA8" w14:textId="77777777" w:rsidR="00FB6BBE" w:rsidRDefault="00FB6BBE" w:rsidP="00FB6BBE">
      <w:pPr>
        <w:pStyle w:val="Instructions"/>
      </w:pPr>
      <w:r>
        <w:t>2</w:t>
      </w:r>
    </w:p>
    <w:p w14:paraId="71C58B4D" w14:textId="77777777" w:rsidR="00FB6BBE" w:rsidRPr="00461AC4" w:rsidRDefault="00FB6BBE" w:rsidP="00FB6BBE">
      <w:r w:rsidRPr="00461AC4">
        <w:t>Drill, install, and grout verification test ground anchors in the Engineer's presence.</w:t>
      </w:r>
    </w:p>
    <w:p w14:paraId="427E1071" w14:textId="77777777" w:rsidR="00FB6BBE" w:rsidRDefault="00FB6BBE" w:rsidP="00FB6BBE">
      <w:pPr>
        <w:pStyle w:val="Instructions"/>
      </w:pPr>
      <w:r>
        <w:t>3</w:t>
      </w:r>
    </w:p>
    <w:p w14:paraId="7949A879" w14:textId="77777777" w:rsidR="00FB6BBE" w:rsidRPr="00461AC4" w:rsidRDefault="00FB6BBE" w:rsidP="00FB6BBE">
      <w:r w:rsidRPr="00461AC4">
        <w:t xml:space="preserve">Install the verification test ground anchors within the limits of each </w:t>
      </w:r>
      <w:r>
        <w:t>control</w:t>
      </w:r>
      <w:r w:rsidRPr="00461AC4">
        <w:t xml:space="preserve"> zone. Space the verification test </w:t>
      </w:r>
      <w:r>
        <w:t>ground anchors</w:t>
      </w:r>
      <w:r w:rsidRPr="00461AC4">
        <w:t xml:space="preserve"> at least 10 feet apart.</w:t>
      </w:r>
    </w:p>
    <w:p w14:paraId="19D1199A" w14:textId="77777777" w:rsidR="00FB6BBE" w:rsidRDefault="00FB6BBE" w:rsidP="00FB6BBE">
      <w:pPr>
        <w:pStyle w:val="Instructions"/>
      </w:pPr>
      <w:r>
        <w:t>4</w:t>
      </w:r>
    </w:p>
    <w:p w14:paraId="05CFF54D" w14:textId="77777777" w:rsidR="00FB6BBE" w:rsidRDefault="00FB6BBE" w:rsidP="00FB6BBE">
      <w:r>
        <w:t>Grout only anchor bonded length. Form terminating grout surface perpendicular to the ground anchor alignment using a forming device. The forming device must:</w:t>
      </w:r>
    </w:p>
    <w:p w14:paraId="160241F9" w14:textId="77777777" w:rsidR="00FB6BBE" w:rsidRDefault="00FB6BBE" w:rsidP="00FB6BBE">
      <w:pPr>
        <w:pStyle w:val="Indent0Hanging"/>
      </w:pPr>
      <w:r>
        <w:t>1.</w:t>
      </w:r>
      <w:r>
        <w:tab/>
        <w:t>have a diameter no more than 1 inch smaller than the drilled hole diameter</w:t>
      </w:r>
    </w:p>
    <w:p w14:paraId="6FA9AD5E" w14:textId="77777777" w:rsidR="00FB6BBE" w:rsidRDefault="00FB6BBE" w:rsidP="00FB6BBE">
      <w:pPr>
        <w:pStyle w:val="Indent0Hanging"/>
      </w:pPr>
      <w:r>
        <w:t>2.</w:t>
      </w:r>
      <w:r>
        <w:tab/>
        <w:t>be made of materials that can form a minimum 8-inch compressible zone measured along the test ground anchor alignment</w:t>
      </w:r>
    </w:p>
    <w:p w14:paraId="5B6CED07" w14:textId="77777777" w:rsidR="00FB6BBE" w:rsidRDefault="00FB6BBE" w:rsidP="00FB6BBE">
      <w:pPr>
        <w:pStyle w:val="Indent0Hanging"/>
      </w:pPr>
      <w:r>
        <w:t>3.</w:t>
      </w:r>
      <w:r>
        <w:tab/>
        <w:t>not deform during test ground anchor installation</w:t>
      </w:r>
    </w:p>
    <w:p w14:paraId="7CCE055F" w14:textId="77777777" w:rsidR="00FB6BBE" w:rsidRDefault="00FB6BBE" w:rsidP="00FB6BBE">
      <w:pPr>
        <w:pStyle w:val="Indent0Hanging"/>
      </w:pPr>
    </w:p>
    <w:p w14:paraId="06B119EE" w14:textId="77777777" w:rsidR="00FB6BBE" w:rsidRDefault="00FB6BBE" w:rsidP="00FB6BBE">
      <w:pPr>
        <w:pStyle w:val="Instructions"/>
      </w:pPr>
      <w:r>
        <w:t>5</w:t>
      </w:r>
    </w:p>
    <w:p w14:paraId="533C8239" w14:textId="77777777" w:rsidR="00FB6BBE" w:rsidRDefault="00FB6BBE" w:rsidP="00FB6BBE">
      <w:r>
        <w:t>Grout overflow outside the forming device is allowed but grout overflow must not submerge the forming device.</w:t>
      </w:r>
    </w:p>
    <w:p w14:paraId="535C987A" w14:textId="77777777" w:rsidR="00FB6BBE" w:rsidRDefault="00FB6BBE" w:rsidP="00FB6BBE">
      <w:pPr>
        <w:pStyle w:val="Instructions"/>
      </w:pPr>
      <w:r>
        <w:t>6</w:t>
      </w:r>
    </w:p>
    <w:p w14:paraId="22525D02" w14:textId="77777777" w:rsidR="00FB6BBE" w:rsidRDefault="00FB6BBE" w:rsidP="00FB6BBE">
      <w:r w:rsidRPr="00461AC4">
        <w:t xml:space="preserve">Do not splice a verification test ground anchor within </w:t>
      </w:r>
      <w:r>
        <w:t>anchor</w:t>
      </w:r>
      <w:r w:rsidRPr="00461AC4">
        <w:t xml:space="preserve"> bonded length.</w:t>
      </w:r>
    </w:p>
    <w:p w14:paraId="4CC6E3A7" w14:textId="77777777" w:rsidR="00FB6BBE" w:rsidRDefault="00FB6BBE" w:rsidP="00FB6BBE">
      <w:pPr>
        <w:pStyle w:val="Instructions"/>
      </w:pPr>
      <w:r>
        <w:t>7</w:t>
      </w:r>
    </w:p>
    <w:p w14:paraId="051853EA" w14:textId="77777777" w:rsidR="00FB6BBE" w:rsidRPr="00461AC4" w:rsidRDefault="00FB6BBE" w:rsidP="00FB6BBE">
      <w:r w:rsidRPr="0091297A">
        <w:t xml:space="preserve">Install casing in </w:t>
      </w:r>
      <w:r>
        <w:t>anchor</w:t>
      </w:r>
      <w:r w:rsidRPr="0091297A">
        <w:t xml:space="preserve"> unbonded length of the drilled hole to prevent cave in of the drilled hole </w:t>
      </w:r>
      <w:r>
        <w:t>before testing is complete</w:t>
      </w:r>
      <w:r w:rsidRPr="0091297A">
        <w:t>. Before test, inspect the drilled hole for cleanliness and remove any debris in the drilled hole.</w:t>
      </w:r>
    </w:p>
    <w:p w14:paraId="1157EE1C" w14:textId="77777777" w:rsidR="00FB6BBE" w:rsidRDefault="00FB6BBE" w:rsidP="00FB6BBE">
      <w:pPr>
        <w:pStyle w:val="Instructions"/>
      </w:pPr>
      <w:r>
        <w:t>8</w:t>
      </w:r>
    </w:p>
    <w:p w14:paraId="75566130" w14:textId="77777777" w:rsidR="00FB6BBE" w:rsidRDefault="00FB6BBE" w:rsidP="00FB6BBE">
      <w:r w:rsidRPr="00461AC4">
        <w:t xml:space="preserve">Remove each verification </w:t>
      </w:r>
      <w:r>
        <w:t xml:space="preserve">test </w:t>
      </w:r>
      <w:r w:rsidRPr="00461AC4">
        <w:t xml:space="preserve">ground anchor to 6 inches behind the </w:t>
      </w:r>
      <w:r>
        <w:t xml:space="preserve">finished grade </w:t>
      </w:r>
      <w:r w:rsidRPr="00461AC4">
        <w:t>after testing is complete. Fill the voids with grout.</w:t>
      </w:r>
    </w:p>
    <w:sectPr w:rsidR="00FB6BBE" w:rsidSect="003620EA">
      <w:pgSz w:w="12240" w:h="15840"/>
      <w:pgMar w:top="1080" w:right="1080" w:bottom="1080" w:left="180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54B44A7B" w14:textId="77777777" w:rsidR="008C3D8F" w:rsidRDefault="008C3D8F">
      <w:r>
        <w:separator/>
      </w:r>
    </w:p>
  </w:endnote>
  <w:endnote w:type="continuationSeparator" w:id="0">
    <w:p w14:paraId="6F214889" w14:textId="77777777" w:rsidR="008C3D8F" w:rsidRDefault="008C3D8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4CBBC420" w14:textId="77777777" w:rsidR="008C3D8F" w:rsidRDefault="008C3D8F">
      <w:r>
        <w:separator/>
      </w:r>
    </w:p>
  </w:footnote>
  <w:footnote w:type="continuationSeparator" w:id="0">
    <w:p w14:paraId="2D3A1878" w14:textId="77777777" w:rsidR="008C3D8F" w:rsidRDefault="008C3D8F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76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B6BBE"/>
    <w:rsid w:val="00110F94"/>
    <w:rsid w:val="001615BF"/>
    <w:rsid w:val="001759F3"/>
    <w:rsid w:val="00236FA5"/>
    <w:rsid w:val="0028786C"/>
    <w:rsid w:val="00332818"/>
    <w:rsid w:val="003620EA"/>
    <w:rsid w:val="00455852"/>
    <w:rsid w:val="004D55C3"/>
    <w:rsid w:val="004E147D"/>
    <w:rsid w:val="005F65F8"/>
    <w:rsid w:val="00647150"/>
    <w:rsid w:val="0067327B"/>
    <w:rsid w:val="006F2044"/>
    <w:rsid w:val="008C3D8F"/>
    <w:rsid w:val="009913BE"/>
    <w:rsid w:val="009F6909"/>
    <w:rsid w:val="00A06F9C"/>
    <w:rsid w:val="00A841D4"/>
    <w:rsid w:val="00AB4009"/>
    <w:rsid w:val="00AE1462"/>
    <w:rsid w:val="00B13C3B"/>
    <w:rsid w:val="00B87D46"/>
    <w:rsid w:val="00BD7592"/>
    <w:rsid w:val="00C425D7"/>
    <w:rsid w:val="00C955DF"/>
    <w:rsid w:val="00C9754D"/>
    <w:rsid w:val="00CB7486"/>
    <w:rsid w:val="00CF0752"/>
    <w:rsid w:val="00D9083B"/>
    <w:rsid w:val="00DF2653"/>
    <w:rsid w:val="00E2507C"/>
    <w:rsid w:val="00E82DDA"/>
    <w:rsid w:val="00EA73BE"/>
    <w:rsid w:val="00FB18B0"/>
    <w:rsid w:val="00FB6B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2D8105D2"/>
  <w15:docId w15:val="{7C780268-A876-41D9-BE82-2382C188FF3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table of authorities" w:semiHidden="1" w:unhideWhenUsed="1"/>
    <w:lsdException w:name="macro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B7486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151\AppData\Roaming\Microsoft\Templates\2018_template_10-19-18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2018_template_10-19-18.dotx</Template>
  <TotalTime>1</TotalTime>
  <Pages>1</Pages>
  <Words>227</Words>
  <Characters>1473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ltrans</Company>
  <LinksUpToDate>false</LinksUpToDate>
  <CharactersWithSpaces>16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ection 46-2.03E Construction Of Verification Test Ground Anchors</dc:title>
  <dc:subject/>
  <dc:creator>Ellingson, Kevin L@DOT</dc:creator>
  <cp:keywords/>
  <cp:lastModifiedBy>Maruca, Joseph@DOT</cp:lastModifiedBy>
  <cp:revision>3</cp:revision>
  <cp:lastPrinted>2001-02-23T19:38:00Z</cp:lastPrinted>
  <dcterms:created xsi:type="dcterms:W3CDTF">2021-09-28T23:05:00Z</dcterms:created>
  <dcterms:modified xsi:type="dcterms:W3CDTF">2021-09-29T15:13:00Z</dcterms:modified>
</cp:coreProperties>
</file>